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culembor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A4B101DD-0C9C-4205-40DB-2E28EA02F41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7802" y="4721608"/>
            <a:ext cx="1927495" cy="186967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schermopname&#10;&#10;Automatisch gegenereerde beschrijving">
            <a:extLst>
              <a:ext uri="{FF2B5EF4-FFF2-40B4-BE49-F238E27FC236}">
                <a16:creationId xmlns:a16="http://schemas.microsoft.com/office/drawing/2014/main" id="{B01DC2F3-E9B7-0BAF-3FBE-DEF8FD2A727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21899" y="4097192"/>
            <a:ext cx="1274067" cy="123584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3-04T14:49:59Z</dcterms:modified>
</cp:coreProperties>
</file>